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6_県民ニーズ調査_第１回課題調査\05-2_集計結果\03_クロス集計\03_確定\"/>
    </mc:Choice>
  </mc:AlternateContent>
  <bookViews>
    <workbookView xWindow="-120" yWindow="-120" windowWidth="24240" windowHeight="13140" tabRatio="798"/>
  </bookViews>
  <sheets>
    <sheet name="【地域社会との関わり】Q29" sheetId="87" r:id="rId1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57" uniqueCount="86">
  <si>
    <t>　全　体　　　　　　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そう思う</t>
  </si>
  <si>
    <t>そう思わない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-</t>
  </si>
  <si>
    <t>【地域社会との関わり】</t>
    <phoneticPr fontId="2"/>
  </si>
  <si>
    <t>主婦・主夫（勤めていない）</t>
    <phoneticPr fontId="2"/>
  </si>
  <si>
    <t>問29　長い人生を充実させるため、コミュニティなど、地域社会との関わりを大切にしていますか。（○は１つ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3">
    <pageSetUpPr fitToPage="1"/>
  </sheetPr>
  <dimension ref="A1:N122"/>
  <sheetViews>
    <sheetView showGridLines="0" tabSelected="1" workbookViewId="0">
      <selection activeCell="C2" sqref="C2"/>
    </sheetView>
  </sheetViews>
  <sheetFormatPr defaultRowHeight="13.2" x14ac:dyDescent="0.2"/>
  <cols>
    <col min="1" max="1" width="17.6640625" customWidth="1"/>
    <col min="2" max="2" width="3.6640625" customWidth="1"/>
    <col min="3" max="3" width="38.6640625" customWidth="1"/>
    <col min="4" max="7" width="5.6640625" customWidth="1"/>
    <col min="8" max="8" width="6.6640625" customWidth="1"/>
    <col min="9" max="9" width="3.6640625" customWidth="1"/>
    <col min="10" max="10" width="38.6640625" customWidth="1"/>
    <col min="11" max="20" width="5.6640625" customWidth="1"/>
  </cols>
  <sheetData>
    <row r="1" spans="1:14" x14ac:dyDescent="0.2">
      <c r="A1" t="s">
        <v>83</v>
      </c>
      <c r="B1" s="1"/>
      <c r="C1" s="1" t="s">
        <v>85</v>
      </c>
      <c r="D1" s="1"/>
      <c r="E1" s="1"/>
      <c r="F1" s="1"/>
      <c r="G1" s="1"/>
      <c r="I1" s="1"/>
      <c r="J1" s="1"/>
      <c r="K1" s="1"/>
      <c r="L1" s="1"/>
      <c r="M1" s="1"/>
      <c r="N1" s="1"/>
    </row>
    <row r="2" spans="1:14" x14ac:dyDescent="0.2">
      <c r="B2" s="1"/>
      <c r="C2" s="1"/>
      <c r="D2" s="1"/>
      <c r="E2" s="1"/>
      <c r="F2" s="1"/>
      <c r="G2" s="1"/>
      <c r="I2" s="1"/>
      <c r="J2" s="1"/>
      <c r="K2" s="1"/>
      <c r="L2" s="1"/>
      <c r="M2" s="1"/>
      <c r="N2" s="1"/>
    </row>
    <row r="3" spans="1:14" ht="112.5" customHeight="1" x14ac:dyDescent="0.15">
      <c r="B3" s="2"/>
      <c r="C3" s="3" t="s">
        <v>1</v>
      </c>
      <c r="D3" s="4" t="s">
        <v>0</v>
      </c>
      <c r="E3" s="5" t="s">
        <v>50</v>
      </c>
      <c r="F3" s="6" t="s">
        <v>51</v>
      </c>
      <c r="G3" s="11" t="s">
        <v>81</v>
      </c>
      <c r="I3" s="2"/>
      <c r="J3" s="3" t="s">
        <v>1</v>
      </c>
      <c r="K3" s="4" t="s">
        <v>0</v>
      </c>
      <c r="L3" s="5" t="s">
        <v>50</v>
      </c>
      <c r="M3" s="28" t="s">
        <v>51</v>
      </c>
      <c r="N3" s="11" t="s">
        <v>81</v>
      </c>
    </row>
    <row r="4" spans="1:14" ht="13.5" customHeight="1" x14ac:dyDescent="0.2">
      <c r="B4" s="33" t="s">
        <v>14</v>
      </c>
      <c r="C4" s="9" t="s">
        <v>4</v>
      </c>
      <c r="D4" s="12">
        <v>1263</v>
      </c>
      <c r="E4" s="13">
        <v>837</v>
      </c>
      <c r="F4" s="14">
        <v>391</v>
      </c>
      <c r="G4" s="15">
        <v>35</v>
      </c>
      <c r="I4" s="33" t="s">
        <v>49</v>
      </c>
      <c r="J4" s="9" t="s">
        <v>4</v>
      </c>
      <c r="K4" s="12">
        <v>1263</v>
      </c>
      <c r="L4" s="13">
        <v>837</v>
      </c>
      <c r="M4" s="29">
        <v>391</v>
      </c>
      <c r="N4" s="15">
        <v>35</v>
      </c>
    </row>
    <row r="5" spans="1:14" x14ac:dyDescent="0.2">
      <c r="B5" s="34"/>
      <c r="C5" s="8"/>
      <c r="D5" s="16">
        <v>100</v>
      </c>
      <c r="E5" s="17">
        <v>66.3</v>
      </c>
      <c r="F5" s="18">
        <v>31</v>
      </c>
      <c r="G5" s="19">
        <v>2.8</v>
      </c>
      <c r="I5" s="34"/>
      <c r="J5" s="8"/>
      <c r="K5" s="16">
        <v>100</v>
      </c>
      <c r="L5" s="17">
        <v>66.3</v>
      </c>
      <c r="M5" s="30">
        <v>31</v>
      </c>
      <c r="N5" s="19">
        <v>2.8</v>
      </c>
    </row>
    <row r="6" spans="1:14" x14ac:dyDescent="0.2">
      <c r="B6" s="34"/>
      <c r="C6" s="7" t="s">
        <v>12</v>
      </c>
      <c r="D6" s="20">
        <v>472</v>
      </c>
      <c r="E6" s="21">
        <v>300</v>
      </c>
      <c r="F6" s="22">
        <v>162</v>
      </c>
      <c r="G6" s="23">
        <v>10</v>
      </c>
      <c r="I6" s="34"/>
      <c r="J6" s="7" t="s">
        <v>45</v>
      </c>
      <c r="K6" s="20">
        <v>87</v>
      </c>
      <c r="L6" s="21">
        <v>60</v>
      </c>
      <c r="M6" s="31">
        <v>27</v>
      </c>
      <c r="N6" s="23" t="s">
        <v>82</v>
      </c>
    </row>
    <row r="7" spans="1:14" x14ac:dyDescent="0.2">
      <c r="B7" s="34"/>
      <c r="C7" s="8"/>
      <c r="D7" s="16">
        <v>100</v>
      </c>
      <c r="E7" s="17">
        <v>63.6</v>
      </c>
      <c r="F7" s="18">
        <v>34.299999999999997</v>
      </c>
      <c r="G7" s="19">
        <v>2.1</v>
      </c>
      <c r="I7" s="34"/>
      <c r="J7" s="8"/>
      <c r="K7" s="16">
        <v>100</v>
      </c>
      <c r="L7" s="17">
        <v>69</v>
      </c>
      <c r="M7" s="30">
        <v>31</v>
      </c>
      <c r="N7" s="19" t="s">
        <v>82</v>
      </c>
    </row>
    <row r="8" spans="1:14" x14ac:dyDescent="0.2">
      <c r="B8" s="34"/>
      <c r="C8" s="7" t="s">
        <v>2</v>
      </c>
      <c r="D8" s="20">
        <v>172</v>
      </c>
      <c r="E8" s="21">
        <v>116</v>
      </c>
      <c r="F8" s="22">
        <v>53</v>
      </c>
      <c r="G8" s="23">
        <v>3</v>
      </c>
      <c r="I8" s="34"/>
      <c r="J8" s="7" t="s">
        <v>44</v>
      </c>
      <c r="K8" s="20">
        <v>121</v>
      </c>
      <c r="L8" s="21">
        <v>81</v>
      </c>
      <c r="M8" s="31">
        <v>39</v>
      </c>
      <c r="N8" s="23">
        <v>1</v>
      </c>
    </row>
    <row r="9" spans="1:14" x14ac:dyDescent="0.2">
      <c r="B9" s="34"/>
      <c r="C9" s="8"/>
      <c r="D9" s="16">
        <v>100</v>
      </c>
      <c r="E9" s="17">
        <v>67.400000000000006</v>
      </c>
      <c r="F9" s="18">
        <v>30.8</v>
      </c>
      <c r="G9" s="19">
        <v>1.7</v>
      </c>
      <c r="I9" s="34"/>
      <c r="J9" s="8"/>
      <c r="K9" s="16">
        <v>100</v>
      </c>
      <c r="L9" s="17">
        <v>66.900000000000006</v>
      </c>
      <c r="M9" s="30">
        <v>32.200000000000003</v>
      </c>
      <c r="N9" s="19">
        <v>0.8</v>
      </c>
    </row>
    <row r="10" spans="1:14" x14ac:dyDescent="0.2">
      <c r="B10" s="34"/>
      <c r="C10" s="7" t="s">
        <v>11</v>
      </c>
      <c r="D10" s="20">
        <v>89</v>
      </c>
      <c r="E10" s="21">
        <v>62</v>
      </c>
      <c r="F10" s="22">
        <v>23</v>
      </c>
      <c r="G10" s="23">
        <v>4</v>
      </c>
      <c r="I10" s="34"/>
      <c r="J10" s="7" t="s">
        <v>43</v>
      </c>
      <c r="K10" s="20">
        <v>79</v>
      </c>
      <c r="L10" s="21">
        <v>58</v>
      </c>
      <c r="M10" s="31">
        <v>20</v>
      </c>
      <c r="N10" s="23">
        <v>1</v>
      </c>
    </row>
    <row r="11" spans="1:14" x14ac:dyDescent="0.2">
      <c r="B11" s="34"/>
      <c r="C11" s="8"/>
      <c r="D11" s="16">
        <v>100</v>
      </c>
      <c r="E11" s="17">
        <v>69.7</v>
      </c>
      <c r="F11" s="18">
        <v>25.8</v>
      </c>
      <c r="G11" s="19">
        <v>4.5</v>
      </c>
      <c r="I11" s="34"/>
      <c r="J11" s="8"/>
      <c r="K11" s="16">
        <v>100</v>
      </c>
      <c r="L11" s="17">
        <v>73.400000000000006</v>
      </c>
      <c r="M11" s="30">
        <v>25.3</v>
      </c>
      <c r="N11" s="19">
        <v>1.3</v>
      </c>
    </row>
    <row r="12" spans="1:14" x14ac:dyDescent="0.2">
      <c r="B12" s="34"/>
      <c r="C12" s="7" t="s">
        <v>3</v>
      </c>
      <c r="D12" s="20">
        <v>119</v>
      </c>
      <c r="E12" s="21">
        <v>79</v>
      </c>
      <c r="F12" s="22">
        <v>38</v>
      </c>
      <c r="G12" s="23">
        <v>2</v>
      </c>
      <c r="I12" s="34"/>
      <c r="J12" s="7" t="s">
        <v>42</v>
      </c>
      <c r="K12" s="20">
        <v>102</v>
      </c>
      <c r="L12" s="21">
        <v>71</v>
      </c>
      <c r="M12" s="31">
        <v>30</v>
      </c>
      <c r="N12" s="23">
        <v>1</v>
      </c>
    </row>
    <row r="13" spans="1:14" x14ac:dyDescent="0.2">
      <c r="B13" s="34"/>
      <c r="C13" s="8"/>
      <c r="D13" s="16">
        <v>100</v>
      </c>
      <c r="E13" s="17">
        <v>66.400000000000006</v>
      </c>
      <c r="F13" s="18">
        <v>31.9</v>
      </c>
      <c r="G13" s="19">
        <v>1.7</v>
      </c>
      <c r="I13" s="34"/>
      <c r="J13" s="8"/>
      <c r="K13" s="16">
        <v>100</v>
      </c>
      <c r="L13" s="17">
        <v>69.599999999999994</v>
      </c>
      <c r="M13" s="30">
        <v>29.4</v>
      </c>
      <c r="N13" s="19">
        <v>1</v>
      </c>
    </row>
    <row r="14" spans="1:14" x14ac:dyDescent="0.2">
      <c r="B14" s="34"/>
      <c r="C14" s="7" t="s">
        <v>10</v>
      </c>
      <c r="D14" s="20">
        <v>99</v>
      </c>
      <c r="E14" s="21">
        <v>67</v>
      </c>
      <c r="F14" s="22">
        <v>28</v>
      </c>
      <c r="G14" s="23">
        <v>4</v>
      </c>
      <c r="I14" s="34"/>
      <c r="J14" s="7" t="s">
        <v>41</v>
      </c>
      <c r="K14" s="20">
        <v>18</v>
      </c>
      <c r="L14" s="21">
        <v>13</v>
      </c>
      <c r="M14" s="31">
        <v>5</v>
      </c>
      <c r="N14" s="23" t="s">
        <v>82</v>
      </c>
    </row>
    <row r="15" spans="1:14" x14ac:dyDescent="0.2">
      <c r="B15" s="34"/>
      <c r="C15" s="8"/>
      <c r="D15" s="16">
        <v>100</v>
      </c>
      <c r="E15" s="17">
        <v>67.7</v>
      </c>
      <c r="F15" s="18">
        <v>28.3</v>
      </c>
      <c r="G15" s="19">
        <v>4</v>
      </c>
      <c r="I15" s="34"/>
      <c r="J15" s="8"/>
      <c r="K15" s="16">
        <v>100</v>
      </c>
      <c r="L15" s="17">
        <v>72.2</v>
      </c>
      <c r="M15" s="30">
        <v>27.8</v>
      </c>
      <c r="N15" s="19" t="s">
        <v>82</v>
      </c>
    </row>
    <row r="16" spans="1:14" x14ac:dyDescent="0.2">
      <c r="B16" s="34"/>
      <c r="C16" s="7" t="s">
        <v>9</v>
      </c>
      <c r="D16" s="20">
        <v>190</v>
      </c>
      <c r="E16" s="21">
        <v>126</v>
      </c>
      <c r="F16" s="22">
        <v>60</v>
      </c>
      <c r="G16" s="23">
        <v>4</v>
      </c>
      <c r="I16" s="34"/>
      <c r="J16" s="7" t="s">
        <v>40</v>
      </c>
      <c r="K16" s="20">
        <v>96</v>
      </c>
      <c r="L16" s="21">
        <v>67</v>
      </c>
      <c r="M16" s="31">
        <v>29</v>
      </c>
      <c r="N16" s="23" t="s">
        <v>82</v>
      </c>
    </row>
    <row r="17" spans="2:14" x14ac:dyDescent="0.2">
      <c r="B17" s="34"/>
      <c r="C17" s="8"/>
      <c r="D17" s="16">
        <v>100</v>
      </c>
      <c r="E17" s="17">
        <v>66.3</v>
      </c>
      <c r="F17" s="18">
        <v>31.6</v>
      </c>
      <c r="G17" s="19">
        <v>2.1</v>
      </c>
      <c r="I17" s="34"/>
      <c r="J17" s="8"/>
      <c r="K17" s="16">
        <v>100</v>
      </c>
      <c r="L17" s="17">
        <v>69.8</v>
      </c>
      <c r="M17" s="30">
        <v>30.2</v>
      </c>
      <c r="N17" s="19" t="s">
        <v>82</v>
      </c>
    </row>
    <row r="18" spans="2:14" x14ac:dyDescent="0.2">
      <c r="B18" s="34"/>
      <c r="C18" s="7" t="s">
        <v>8</v>
      </c>
      <c r="D18" s="20">
        <v>41</v>
      </c>
      <c r="E18" s="21">
        <v>32</v>
      </c>
      <c r="F18" s="22">
        <v>8</v>
      </c>
      <c r="G18" s="23">
        <v>1</v>
      </c>
      <c r="I18" s="34"/>
      <c r="J18" s="7" t="s">
        <v>39</v>
      </c>
      <c r="K18" s="20">
        <v>273</v>
      </c>
      <c r="L18" s="21">
        <v>191</v>
      </c>
      <c r="M18" s="31">
        <v>74</v>
      </c>
      <c r="N18" s="23">
        <v>8</v>
      </c>
    </row>
    <row r="19" spans="2:14" x14ac:dyDescent="0.2">
      <c r="B19" s="34"/>
      <c r="C19" s="8"/>
      <c r="D19" s="16">
        <v>100</v>
      </c>
      <c r="E19" s="17">
        <v>78</v>
      </c>
      <c r="F19" s="18">
        <v>19.5</v>
      </c>
      <c r="G19" s="19">
        <v>2.4</v>
      </c>
      <c r="I19" s="34"/>
      <c r="J19" s="8"/>
      <c r="K19" s="16">
        <v>100</v>
      </c>
      <c r="L19" s="17">
        <v>70</v>
      </c>
      <c r="M19" s="30">
        <v>27.1</v>
      </c>
      <c r="N19" s="19">
        <v>2.9</v>
      </c>
    </row>
    <row r="20" spans="2:14" x14ac:dyDescent="0.2">
      <c r="B20" s="34"/>
      <c r="C20" s="7" t="s">
        <v>5</v>
      </c>
      <c r="D20" s="20">
        <v>81</v>
      </c>
      <c r="E20" s="21">
        <v>55</v>
      </c>
      <c r="F20" s="22">
        <v>19</v>
      </c>
      <c r="G20" s="23">
        <v>7</v>
      </c>
      <c r="I20" s="34"/>
      <c r="J20" s="7" t="s">
        <v>38</v>
      </c>
      <c r="K20" s="20">
        <v>290</v>
      </c>
      <c r="L20" s="21">
        <v>220</v>
      </c>
      <c r="M20" s="31">
        <v>61</v>
      </c>
      <c r="N20" s="23">
        <v>9</v>
      </c>
    </row>
    <row r="21" spans="2:14" x14ac:dyDescent="0.2">
      <c r="B21" s="35"/>
      <c r="C21" s="10"/>
      <c r="D21" s="24">
        <v>100</v>
      </c>
      <c r="E21" s="25">
        <v>67.900000000000006</v>
      </c>
      <c r="F21" s="26">
        <v>23.5</v>
      </c>
      <c r="G21" s="27">
        <v>8.6</v>
      </c>
      <c r="I21" s="34"/>
      <c r="J21" s="8"/>
      <c r="K21" s="16">
        <v>100</v>
      </c>
      <c r="L21" s="17">
        <v>75.900000000000006</v>
      </c>
      <c r="M21" s="30">
        <v>21</v>
      </c>
      <c r="N21" s="19">
        <v>3.1</v>
      </c>
    </row>
    <row r="22" spans="2:14" x14ac:dyDescent="0.2">
      <c r="B22" s="33" t="s">
        <v>13</v>
      </c>
      <c r="C22" s="9" t="s">
        <v>4</v>
      </c>
      <c r="D22" s="12">
        <v>1263</v>
      </c>
      <c r="E22" s="13">
        <v>837</v>
      </c>
      <c r="F22" s="14">
        <v>391</v>
      </c>
      <c r="G22" s="15">
        <v>35</v>
      </c>
      <c r="I22" s="34"/>
      <c r="J22" s="7" t="s">
        <v>24</v>
      </c>
      <c r="K22" s="20">
        <v>37</v>
      </c>
      <c r="L22" s="21">
        <v>25</v>
      </c>
      <c r="M22" s="31">
        <v>11</v>
      </c>
      <c r="N22" s="23">
        <v>1</v>
      </c>
    </row>
    <row r="23" spans="2:14" x14ac:dyDescent="0.2">
      <c r="B23" s="34"/>
      <c r="C23" s="8"/>
      <c r="D23" s="16">
        <v>100</v>
      </c>
      <c r="E23" s="17">
        <v>66.3</v>
      </c>
      <c r="F23" s="18">
        <v>31</v>
      </c>
      <c r="G23" s="19">
        <v>2.8</v>
      </c>
      <c r="I23" s="34"/>
      <c r="J23" s="8"/>
      <c r="K23" s="16">
        <v>100</v>
      </c>
      <c r="L23" s="17">
        <v>67.599999999999994</v>
      </c>
      <c r="M23" s="30">
        <v>29.7</v>
      </c>
      <c r="N23" s="19">
        <v>2.7</v>
      </c>
    </row>
    <row r="24" spans="2:14" x14ac:dyDescent="0.2">
      <c r="B24" s="34"/>
      <c r="C24" s="7" t="s">
        <v>7</v>
      </c>
      <c r="D24" s="20">
        <v>517</v>
      </c>
      <c r="E24" s="21">
        <v>327</v>
      </c>
      <c r="F24" s="22">
        <v>178</v>
      </c>
      <c r="G24" s="23">
        <v>12</v>
      </c>
      <c r="I24" s="34"/>
      <c r="J24" s="7" t="s">
        <v>37</v>
      </c>
      <c r="K24" s="20">
        <v>361</v>
      </c>
      <c r="L24" s="21">
        <v>203</v>
      </c>
      <c r="M24" s="31">
        <v>152</v>
      </c>
      <c r="N24" s="23">
        <v>6</v>
      </c>
    </row>
    <row r="25" spans="2:14" x14ac:dyDescent="0.2">
      <c r="B25" s="34"/>
      <c r="C25" s="8"/>
      <c r="D25" s="16">
        <v>100</v>
      </c>
      <c r="E25" s="17">
        <v>63.2</v>
      </c>
      <c r="F25" s="18">
        <v>34.4</v>
      </c>
      <c r="G25" s="19">
        <v>2.2999999999999998</v>
      </c>
      <c r="I25" s="34"/>
      <c r="J25" s="8"/>
      <c r="K25" s="16">
        <v>100</v>
      </c>
      <c r="L25" s="17">
        <v>56.2</v>
      </c>
      <c r="M25" s="30">
        <v>42.1</v>
      </c>
      <c r="N25" s="19">
        <v>1.7</v>
      </c>
    </row>
    <row r="26" spans="2:14" x14ac:dyDescent="0.2">
      <c r="B26" s="34"/>
      <c r="C26" s="7" t="s">
        <v>6</v>
      </c>
      <c r="D26" s="20">
        <v>645</v>
      </c>
      <c r="E26" s="21">
        <v>444</v>
      </c>
      <c r="F26" s="22">
        <v>187</v>
      </c>
      <c r="G26" s="23">
        <v>14</v>
      </c>
      <c r="I26" s="34"/>
      <c r="J26" s="7" t="s">
        <v>5</v>
      </c>
      <c r="K26" s="20">
        <v>97</v>
      </c>
      <c r="L26" s="21">
        <v>66</v>
      </c>
      <c r="M26" s="31">
        <v>20</v>
      </c>
      <c r="N26" s="23">
        <v>11</v>
      </c>
    </row>
    <row r="27" spans="2:14" x14ac:dyDescent="0.2">
      <c r="B27" s="34"/>
      <c r="C27" s="8"/>
      <c r="D27" s="16">
        <v>100</v>
      </c>
      <c r="E27" s="17">
        <v>68.8</v>
      </c>
      <c r="F27" s="18">
        <v>29</v>
      </c>
      <c r="G27" s="19">
        <v>2.2000000000000002</v>
      </c>
      <c r="I27" s="35"/>
      <c r="J27" s="10"/>
      <c r="K27" s="24">
        <v>100</v>
      </c>
      <c r="L27" s="25">
        <v>68</v>
      </c>
      <c r="M27" s="32">
        <v>20.6</v>
      </c>
      <c r="N27" s="27">
        <v>11.3</v>
      </c>
    </row>
    <row r="28" spans="2:14" x14ac:dyDescent="0.2">
      <c r="B28" s="34"/>
      <c r="C28" s="7" t="s">
        <v>5</v>
      </c>
      <c r="D28" s="20">
        <v>101</v>
      </c>
      <c r="E28" s="21">
        <v>66</v>
      </c>
      <c r="F28" s="22">
        <v>26</v>
      </c>
      <c r="G28" s="23">
        <v>9</v>
      </c>
      <c r="I28" s="33" t="s">
        <v>48</v>
      </c>
      <c r="J28" s="9" t="s">
        <v>4</v>
      </c>
      <c r="K28" s="12">
        <v>1263</v>
      </c>
      <c r="L28" s="13">
        <v>837</v>
      </c>
      <c r="M28" s="29">
        <v>391</v>
      </c>
      <c r="N28" s="15">
        <v>35</v>
      </c>
    </row>
    <row r="29" spans="2:14" x14ac:dyDescent="0.2">
      <c r="B29" s="35"/>
      <c r="C29" s="10"/>
      <c r="D29" s="24">
        <v>100</v>
      </c>
      <c r="E29" s="25">
        <v>65.3</v>
      </c>
      <c r="F29" s="26">
        <v>25.7</v>
      </c>
      <c r="G29" s="27">
        <v>8.9</v>
      </c>
      <c r="I29" s="34"/>
      <c r="J29" s="8"/>
      <c r="K29" s="16">
        <v>100</v>
      </c>
      <c r="L29" s="17">
        <v>66.3</v>
      </c>
      <c r="M29" s="30">
        <v>31</v>
      </c>
      <c r="N29" s="19">
        <v>2.8</v>
      </c>
    </row>
    <row r="30" spans="2:14" ht="13.5" customHeight="1" x14ac:dyDescent="0.2">
      <c r="B30" s="33" t="s">
        <v>52</v>
      </c>
      <c r="C30" s="9" t="s">
        <v>4</v>
      </c>
      <c r="D30" s="12">
        <v>1263</v>
      </c>
      <c r="E30" s="13">
        <v>837</v>
      </c>
      <c r="F30" s="14">
        <v>391</v>
      </c>
      <c r="G30" s="15">
        <v>35</v>
      </c>
      <c r="I30" s="34"/>
      <c r="J30" s="7" t="s">
        <v>36</v>
      </c>
      <c r="K30" s="20">
        <v>197</v>
      </c>
      <c r="L30" s="21">
        <v>112</v>
      </c>
      <c r="M30" s="31">
        <v>77</v>
      </c>
      <c r="N30" s="23">
        <v>8</v>
      </c>
    </row>
    <row r="31" spans="2:14" x14ac:dyDescent="0.2">
      <c r="B31" s="34"/>
      <c r="C31" s="8"/>
      <c r="D31" s="16">
        <v>100</v>
      </c>
      <c r="E31" s="17">
        <v>66.3</v>
      </c>
      <c r="F31" s="18">
        <v>31</v>
      </c>
      <c r="G31" s="19">
        <v>2.8</v>
      </c>
      <c r="I31" s="34"/>
      <c r="J31" s="8"/>
      <c r="K31" s="16">
        <v>100</v>
      </c>
      <c r="L31" s="17">
        <v>56.9</v>
      </c>
      <c r="M31" s="30">
        <v>39.1</v>
      </c>
      <c r="N31" s="19">
        <v>4.0999999999999996</v>
      </c>
    </row>
    <row r="32" spans="2:14" x14ac:dyDescent="0.2">
      <c r="B32" s="34"/>
      <c r="C32" s="7" t="s">
        <v>53</v>
      </c>
      <c r="D32" s="20">
        <v>2</v>
      </c>
      <c r="E32" s="21">
        <v>1</v>
      </c>
      <c r="F32" s="22">
        <v>1</v>
      </c>
      <c r="G32" s="23" t="s">
        <v>82</v>
      </c>
      <c r="I32" s="34"/>
      <c r="J32" s="7" t="s">
        <v>35</v>
      </c>
      <c r="K32" s="20">
        <v>315</v>
      </c>
      <c r="L32" s="21">
        <v>216</v>
      </c>
      <c r="M32" s="31">
        <v>92</v>
      </c>
      <c r="N32" s="23">
        <v>7</v>
      </c>
    </row>
    <row r="33" spans="2:14" x14ac:dyDescent="0.2">
      <c r="B33" s="34"/>
      <c r="C33" s="8"/>
      <c r="D33" s="16">
        <v>100</v>
      </c>
      <c r="E33" s="17">
        <v>50</v>
      </c>
      <c r="F33" s="18">
        <v>50</v>
      </c>
      <c r="G33" s="19" t="s">
        <v>82</v>
      </c>
      <c r="I33" s="34"/>
      <c r="J33" s="8"/>
      <c r="K33" s="16">
        <v>100</v>
      </c>
      <c r="L33" s="17">
        <v>68.599999999999994</v>
      </c>
      <c r="M33" s="30">
        <v>29.2</v>
      </c>
      <c r="N33" s="19">
        <v>2.2000000000000002</v>
      </c>
    </row>
    <row r="34" spans="2:14" x14ac:dyDescent="0.2">
      <c r="B34" s="34"/>
      <c r="C34" s="7" t="s">
        <v>76</v>
      </c>
      <c r="D34" s="20">
        <v>59</v>
      </c>
      <c r="E34" s="21">
        <v>29</v>
      </c>
      <c r="F34" s="22">
        <v>30</v>
      </c>
      <c r="G34" s="23" t="s">
        <v>82</v>
      </c>
      <c r="I34" s="34"/>
      <c r="J34" s="7" t="s">
        <v>34</v>
      </c>
      <c r="K34" s="20">
        <v>569</v>
      </c>
      <c r="L34" s="21">
        <v>389</v>
      </c>
      <c r="M34" s="31">
        <v>171</v>
      </c>
      <c r="N34" s="23">
        <v>9</v>
      </c>
    </row>
    <row r="35" spans="2:14" x14ac:dyDescent="0.2">
      <c r="B35" s="34"/>
      <c r="C35" s="8"/>
      <c r="D35" s="16">
        <v>100</v>
      </c>
      <c r="E35" s="17">
        <v>49.2</v>
      </c>
      <c r="F35" s="18">
        <v>50.8</v>
      </c>
      <c r="G35" s="19" t="s">
        <v>82</v>
      </c>
      <c r="I35" s="34"/>
      <c r="J35" s="8"/>
      <c r="K35" s="16">
        <v>100</v>
      </c>
      <c r="L35" s="17">
        <v>68.400000000000006</v>
      </c>
      <c r="M35" s="30">
        <v>30.1</v>
      </c>
      <c r="N35" s="19">
        <v>1.6</v>
      </c>
    </row>
    <row r="36" spans="2:14" x14ac:dyDescent="0.2">
      <c r="B36" s="34"/>
      <c r="C36" s="7" t="s">
        <v>78</v>
      </c>
      <c r="D36" s="20">
        <v>61</v>
      </c>
      <c r="E36" s="21">
        <v>30</v>
      </c>
      <c r="F36" s="22">
        <v>31</v>
      </c>
      <c r="G36" s="23" t="s">
        <v>82</v>
      </c>
      <c r="I36" s="34"/>
      <c r="J36" s="7" t="s">
        <v>33</v>
      </c>
      <c r="K36" s="20">
        <v>39</v>
      </c>
      <c r="L36" s="21">
        <v>28</v>
      </c>
      <c r="M36" s="31">
        <v>10</v>
      </c>
      <c r="N36" s="23">
        <v>1</v>
      </c>
    </row>
    <row r="37" spans="2:14" x14ac:dyDescent="0.2">
      <c r="B37" s="34"/>
      <c r="C37" s="8"/>
      <c r="D37" s="16">
        <v>100</v>
      </c>
      <c r="E37" s="17">
        <v>49.2</v>
      </c>
      <c r="F37" s="18">
        <v>50.8</v>
      </c>
      <c r="G37" s="19" t="s">
        <v>82</v>
      </c>
      <c r="I37" s="34"/>
      <c r="J37" s="8"/>
      <c r="K37" s="16">
        <v>100</v>
      </c>
      <c r="L37" s="17">
        <v>71.8</v>
      </c>
      <c r="M37" s="30">
        <v>25.6</v>
      </c>
      <c r="N37" s="19">
        <v>2.6</v>
      </c>
    </row>
    <row r="38" spans="2:14" x14ac:dyDescent="0.2">
      <c r="B38" s="34"/>
      <c r="C38" s="7" t="s">
        <v>77</v>
      </c>
      <c r="D38" s="20">
        <v>126</v>
      </c>
      <c r="E38" s="21">
        <v>68</v>
      </c>
      <c r="F38" s="22">
        <v>58</v>
      </c>
      <c r="G38" s="23" t="s">
        <v>82</v>
      </c>
      <c r="I38" s="34"/>
      <c r="J38" s="7" t="s">
        <v>32</v>
      </c>
      <c r="K38" s="20">
        <v>55</v>
      </c>
      <c r="L38" s="21">
        <v>33</v>
      </c>
      <c r="M38" s="31">
        <v>20</v>
      </c>
      <c r="N38" s="23">
        <v>2</v>
      </c>
    </row>
    <row r="39" spans="2:14" x14ac:dyDescent="0.2">
      <c r="B39" s="34"/>
      <c r="C39" s="8"/>
      <c r="D39" s="16">
        <v>100</v>
      </c>
      <c r="E39" s="17">
        <v>54</v>
      </c>
      <c r="F39" s="18">
        <v>46</v>
      </c>
      <c r="G39" s="19" t="s">
        <v>82</v>
      </c>
      <c r="I39" s="34"/>
      <c r="J39" s="8"/>
      <c r="K39" s="16">
        <v>100</v>
      </c>
      <c r="L39" s="17">
        <v>60</v>
      </c>
      <c r="M39" s="30">
        <v>36.4</v>
      </c>
      <c r="N39" s="19">
        <v>3.6</v>
      </c>
    </row>
    <row r="40" spans="2:14" ht="13.5" customHeight="1" x14ac:dyDescent="0.2">
      <c r="B40" s="34"/>
      <c r="C40" s="7" t="s">
        <v>54</v>
      </c>
      <c r="D40" s="20">
        <v>217</v>
      </c>
      <c r="E40" s="21">
        <v>135</v>
      </c>
      <c r="F40" s="22">
        <v>80</v>
      </c>
      <c r="G40" s="23">
        <v>2</v>
      </c>
      <c r="I40" s="34"/>
      <c r="J40" s="7" t="s">
        <v>5</v>
      </c>
      <c r="K40" s="20">
        <v>88</v>
      </c>
      <c r="L40" s="21">
        <v>59</v>
      </c>
      <c r="M40" s="31">
        <v>21</v>
      </c>
      <c r="N40" s="23">
        <v>8</v>
      </c>
    </row>
    <row r="41" spans="2:14" x14ac:dyDescent="0.2">
      <c r="B41" s="34"/>
      <c r="C41" s="8"/>
      <c r="D41" s="16">
        <v>100</v>
      </c>
      <c r="E41" s="17">
        <v>62.2</v>
      </c>
      <c r="F41" s="18">
        <v>36.9</v>
      </c>
      <c r="G41" s="19">
        <v>0.9</v>
      </c>
      <c r="I41" s="35"/>
      <c r="J41" s="10"/>
      <c r="K41" s="24">
        <v>100</v>
      </c>
      <c r="L41" s="25">
        <v>67</v>
      </c>
      <c r="M41" s="32">
        <v>23.9</v>
      </c>
      <c r="N41" s="27">
        <v>9.1</v>
      </c>
    </row>
    <row r="42" spans="2:14" x14ac:dyDescent="0.2">
      <c r="B42" s="34"/>
      <c r="C42" s="7" t="s">
        <v>55</v>
      </c>
      <c r="D42" s="20">
        <v>293</v>
      </c>
      <c r="E42" s="21">
        <v>197</v>
      </c>
      <c r="F42" s="22">
        <v>92</v>
      </c>
      <c r="G42" s="23">
        <v>4</v>
      </c>
      <c r="I42" s="33" t="s">
        <v>47</v>
      </c>
      <c r="J42" s="9" t="s">
        <v>4</v>
      </c>
      <c r="K42" s="12">
        <v>1263</v>
      </c>
      <c r="L42" s="13">
        <v>837</v>
      </c>
      <c r="M42" s="29">
        <v>391</v>
      </c>
      <c r="N42" s="15">
        <v>35</v>
      </c>
    </row>
    <row r="43" spans="2:14" x14ac:dyDescent="0.2">
      <c r="B43" s="34"/>
      <c r="C43" s="8"/>
      <c r="D43" s="16">
        <v>100</v>
      </c>
      <c r="E43" s="17">
        <v>67.2</v>
      </c>
      <c r="F43" s="18">
        <v>31.4</v>
      </c>
      <c r="G43" s="19">
        <v>1.4</v>
      </c>
      <c r="I43" s="34"/>
      <c r="J43" s="8"/>
      <c r="K43" s="16">
        <v>100</v>
      </c>
      <c r="L43" s="17">
        <v>66.3</v>
      </c>
      <c r="M43" s="30">
        <v>31</v>
      </c>
      <c r="N43" s="19">
        <v>2.8</v>
      </c>
    </row>
    <row r="44" spans="2:14" x14ac:dyDescent="0.2">
      <c r="B44" s="34"/>
      <c r="C44" s="7" t="s">
        <v>56</v>
      </c>
      <c r="D44" s="20">
        <v>228</v>
      </c>
      <c r="E44" s="21">
        <v>149</v>
      </c>
      <c r="F44" s="22">
        <v>70</v>
      </c>
      <c r="G44" s="23">
        <v>9</v>
      </c>
      <c r="I44" s="34"/>
      <c r="J44" s="7" t="s">
        <v>31</v>
      </c>
      <c r="K44" s="20">
        <v>76</v>
      </c>
      <c r="L44" s="21">
        <v>50</v>
      </c>
      <c r="M44" s="31">
        <v>22</v>
      </c>
      <c r="N44" s="23">
        <v>4</v>
      </c>
    </row>
    <row r="45" spans="2:14" x14ac:dyDescent="0.2">
      <c r="B45" s="34"/>
      <c r="C45" s="8"/>
      <c r="D45" s="16">
        <v>100</v>
      </c>
      <c r="E45" s="17">
        <v>65.400000000000006</v>
      </c>
      <c r="F45" s="18">
        <v>30.7</v>
      </c>
      <c r="G45" s="19">
        <v>3.9</v>
      </c>
      <c r="I45" s="34"/>
      <c r="J45" s="8"/>
      <c r="K45" s="16">
        <v>100</v>
      </c>
      <c r="L45" s="17">
        <v>65.8</v>
      </c>
      <c r="M45" s="30">
        <v>28.9</v>
      </c>
      <c r="N45" s="19">
        <v>5.3</v>
      </c>
    </row>
    <row r="46" spans="2:14" x14ac:dyDescent="0.2">
      <c r="B46" s="34"/>
      <c r="C46" s="7" t="s">
        <v>57</v>
      </c>
      <c r="D46" s="20">
        <v>118</v>
      </c>
      <c r="E46" s="21">
        <v>95</v>
      </c>
      <c r="F46" s="22">
        <v>18</v>
      </c>
      <c r="G46" s="23">
        <v>5</v>
      </c>
      <c r="I46" s="34"/>
      <c r="J46" s="7" t="s">
        <v>30</v>
      </c>
      <c r="K46" s="20">
        <v>9</v>
      </c>
      <c r="L46" s="21">
        <v>6</v>
      </c>
      <c r="M46" s="31">
        <v>3</v>
      </c>
      <c r="N46" s="23" t="s">
        <v>82</v>
      </c>
    </row>
    <row r="47" spans="2:14" x14ac:dyDescent="0.2">
      <c r="B47" s="34"/>
      <c r="C47" s="8"/>
      <c r="D47" s="16">
        <v>100</v>
      </c>
      <c r="E47" s="17">
        <v>80.5</v>
      </c>
      <c r="F47" s="18">
        <v>15.3</v>
      </c>
      <c r="G47" s="19">
        <v>4.2</v>
      </c>
      <c r="I47" s="34"/>
      <c r="J47" s="8"/>
      <c r="K47" s="16">
        <v>100</v>
      </c>
      <c r="L47" s="17">
        <v>66.7</v>
      </c>
      <c r="M47" s="30">
        <v>33.299999999999997</v>
      </c>
      <c r="N47" s="19" t="s">
        <v>82</v>
      </c>
    </row>
    <row r="48" spans="2:14" x14ac:dyDescent="0.2">
      <c r="B48" s="34"/>
      <c r="C48" s="7" t="s">
        <v>58</v>
      </c>
      <c r="D48" s="20">
        <v>137</v>
      </c>
      <c r="E48" s="21">
        <v>107</v>
      </c>
      <c r="F48" s="22">
        <v>23</v>
      </c>
      <c r="G48" s="23">
        <v>7</v>
      </c>
      <c r="I48" s="34"/>
      <c r="J48" s="7" t="s">
        <v>29</v>
      </c>
      <c r="K48" s="20">
        <v>490</v>
      </c>
      <c r="L48" s="21">
        <v>294</v>
      </c>
      <c r="M48" s="31">
        <v>189</v>
      </c>
      <c r="N48" s="23">
        <v>7</v>
      </c>
    </row>
    <row r="49" spans="2:14" x14ac:dyDescent="0.2">
      <c r="B49" s="34"/>
      <c r="C49" s="8"/>
      <c r="D49" s="16">
        <v>100</v>
      </c>
      <c r="E49" s="17">
        <v>78.099999999999994</v>
      </c>
      <c r="F49" s="18">
        <v>16.8</v>
      </c>
      <c r="G49" s="19">
        <v>5.0999999999999996</v>
      </c>
      <c r="I49" s="34"/>
      <c r="J49" s="8"/>
      <c r="K49" s="16">
        <v>100</v>
      </c>
      <c r="L49" s="17">
        <v>60</v>
      </c>
      <c r="M49" s="30">
        <v>38.6</v>
      </c>
      <c r="N49" s="19">
        <v>1.4</v>
      </c>
    </row>
    <row r="50" spans="2:14" x14ac:dyDescent="0.2">
      <c r="B50" s="34"/>
      <c r="C50" s="7" t="s">
        <v>5</v>
      </c>
      <c r="D50" s="20">
        <v>83</v>
      </c>
      <c r="E50" s="21">
        <v>56</v>
      </c>
      <c r="F50" s="22">
        <v>19</v>
      </c>
      <c r="G50" s="23">
        <v>8</v>
      </c>
      <c r="I50" s="34"/>
      <c r="J50" s="7" t="s">
        <v>28</v>
      </c>
      <c r="K50" s="20">
        <v>184</v>
      </c>
      <c r="L50" s="21">
        <v>123</v>
      </c>
      <c r="M50" s="31">
        <v>59</v>
      </c>
      <c r="N50" s="23">
        <v>2</v>
      </c>
    </row>
    <row r="51" spans="2:14" x14ac:dyDescent="0.2">
      <c r="B51" s="35"/>
      <c r="C51" s="10"/>
      <c r="D51" s="24">
        <v>100</v>
      </c>
      <c r="E51" s="25">
        <v>67.5</v>
      </c>
      <c r="F51" s="26">
        <v>22.9</v>
      </c>
      <c r="G51" s="27">
        <v>9.6</v>
      </c>
      <c r="I51" s="34"/>
      <c r="J51" s="8"/>
      <c r="K51" s="16">
        <v>100</v>
      </c>
      <c r="L51" s="17">
        <v>66.8</v>
      </c>
      <c r="M51" s="30">
        <v>32.1</v>
      </c>
      <c r="N51" s="19">
        <v>1.1000000000000001</v>
      </c>
    </row>
    <row r="52" spans="2:14" x14ac:dyDescent="0.2">
      <c r="B52" s="33" t="s">
        <v>59</v>
      </c>
      <c r="C52" s="9" t="s">
        <v>4</v>
      </c>
      <c r="D52" s="12">
        <v>1263</v>
      </c>
      <c r="E52" s="13">
        <v>837</v>
      </c>
      <c r="F52" s="14">
        <v>391</v>
      </c>
      <c r="G52" s="15">
        <v>35</v>
      </c>
      <c r="I52" s="34"/>
      <c r="J52" s="7" t="s">
        <v>27</v>
      </c>
      <c r="K52" s="20">
        <v>3</v>
      </c>
      <c r="L52" s="21">
        <v>2</v>
      </c>
      <c r="M52" s="31">
        <v>1</v>
      </c>
      <c r="N52" s="23" t="s">
        <v>82</v>
      </c>
    </row>
    <row r="53" spans="2:14" x14ac:dyDescent="0.2">
      <c r="B53" s="34"/>
      <c r="C53" s="8"/>
      <c r="D53" s="16">
        <v>100</v>
      </c>
      <c r="E53" s="17">
        <v>66.3</v>
      </c>
      <c r="F53" s="18">
        <v>31</v>
      </c>
      <c r="G53" s="19">
        <v>2.8</v>
      </c>
      <c r="I53" s="34"/>
      <c r="J53" s="8"/>
      <c r="K53" s="16">
        <v>100</v>
      </c>
      <c r="L53" s="17">
        <v>66.7</v>
      </c>
      <c r="M53" s="30">
        <v>33.299999999999997</v>
      </c>
      <c r="N53" s="19" t="s">
        <v>82</v>
      </c>
    </row>
    <row r="54" spans="2:14" x14ac:dyDescent="0.2">
      <c r="B54" s="34"/>
      <c r="C54" s="7" t="s">
        <v>60</v>
      </c>
      <c r="D54" s="20">
        <v>2</v>
      </c>
      <c r="E54" s="21">
        <v>1</v>
      </c>
      <c r="F54" s="22">
        <v>1</v>
      </c>
      <c r="G54" s="23" t="s">
        <v>82</v>
      </c>
      <c r="I54" s="34"/>
      <c r="J54" s="7" t="s">
        <v>84</v>
      </c>
      <c r="K54" s="20">
        <v>186</v>
      </c>
      <c r="L54" s="21">
        <v>133</v>
      </c>
      <c r="M54" s="31">
        <v>49</v>
      </c>
      <c r="N54" s="23">
        <v>4</v>
      </c>
    </row>
    <row r="55" spans="2:14" x14ac:dyDescent="0.2">
      <c r="B55" s="34"/>
      <c r="C55" s="8"/>
      <c r="D55" s="16">
        <v>100</v>
      </c>
      <c r="E55" s="17">
        <v>50</v>
      </c>
      <c r="F55" s="18">
        <v>50</v>
      </c>
      <c r="G55" s="19" t="s">
        <v>82</v>
      </c>
      <c r="I55" s="34"/>
      <c r="J55" s="8"/>
      <c r="K55" s="16">
        <v>100</v>
      </c>
      <c r="L55" s="17">
        <v>71.5</v>
      </c>
      <c r="M55" s="30">
        <v>26.3</v>
      </c>
      <c r="N55" s="19">
        <v>2.2000000000000002</v>
      </c>
    </row>
    <row r="56" spans="2:14" x14ac:dyDescent="0.2">
      <c r="B56" s="34"/>
      <c r="C56" s="7" t="s">
        <v>61</v>
      </c>
      <c r="D56" s="20">
        <v>25</v>
      </c>
      <c r="E56" s="21">
        <v>10</v>
      </c>
      <c r="F56" s="22">
        <v>15</v>
      </c>
      <c r="G56" s="23" t="s">
        <v>82</v>
      </c>
      <c r="I56" s="34"/>
      <c r="J56" s="7" t="s">
        <v>26</v>
      </c>
      <c r="K56" s="20">
        <v>9</v>
      </c>
      <c r="L56" s="21">
        <v>6</v>
      </c>
      <c r="M56" s="31">
        <v>3</v>
      </c>
      <c r="N56" s="23" t="s">
        <v>82</v>
      </c>
    </row>
    <row r="57" spans="2:14" x14ac:dyDescent="0.2">
      <c r="B57" s="34"/>
      <c r="C57" s="8"/>
      <c r="D57" s="16">
        <v>100</v>
      </c>
      <c r="E57" s="17">
        <v>40</v>
      </c>
      <c r="F57" s="18">
        <v>60</v>
      </c>
      <c r="G57" s="19" t="s">
        <v>82</v>
      </c>
      <c r="I57" s="34"/>
      <c r="J57" s="8"/>
      <c r="K57" s="16">
        <v>100</v>
      </c>
      <c r="L57" s="17">
        <v>66.7</v>
      </c>
      <c r="M57" s="30">
        <v>33.299999999999997</v>
      </c>
      <c r="N57" s="19" t="s">
        <v>82</v>
      </c>
    </row>
    <row r="58" spans="2:14" x14ac:dyDescent="0.2">
      <c r="B58" s="34"/>
      <c r="C58" s="7" t="s">
        <v>79</v>
      </c>
      <c r="D58" s="20">
        <v>27</v>
      </c>
      <c r="E58" s="21">
        <v>11</v>
      </c>
      <c r="F58" s="22">
        <v>16</v>
      </c>
      <c r="G58" s="23" t="s">
        <v>82</v>
      </c>
      <c r="I58" s="34"/>
      <c r="J58" s="7" t="s">
        <v>25</v>
      </c>
      <c r="K58" s="20">
        <v>187</v>
      </c>
      <c r="L58" s="21">
        <v>141</v>
      </c>
      <c r="M58" s="31">
        <v>40</v>
      </c>
      <c r="N58" s="23">
        <v>6</v>
      </c>
    </row>
    <row r="59" spans="2:14" x14ac:dyDescent="0.2">
      <c r="B59" s="34"/>
      <c r="C59" s="8"/>
      <c r="D59" s="16">
        <v>100</v>
      </c>
      <c r="E59" s="17">
        <v>40.700000000000003</v>
      </c>
      <c r="F59" s="18">
        <v>59.3</v>
      </c>
      <c r="G59" s="19" t="s">
        <v>82</v>
      </c>
      <c r="I59" s="34"/>
      <c r="J59" s="8"/>
      <c r="K59" s="16">
        <v>100</v>
      </c>
      <c r="L59" s="17">
        <v>75.400000000000006</v>
      </c>
      <c r="M59" s="30">
        <v>21.4</v>
      </c>
      <c r="N59" s="19">
        <v>3.2</v>
      </c>
    </row>
    <row r="60" spans="2:14" x14ac:dyDescent="0.2">
      <c r="B60" s="34"/>
      <c r="C60" s="7" t="s">
        <v>62</v>
      </c>
      <c r="D60" s="20">
        <v>49</v>
      </c>
      <c r="E60" s="21">
        <v>26</v>
      </c>
      <c r="F60" s="22">
        <v>23</v>
      </c>
      <c r="G60" s="23" t="s">
        <v>82</v>
      </c>
      <c r="I60" s="34"/>
      <c r="J60" s="7" t="s">
        <v>24</v>
      </c>
      <c r="K60" s="20">
        <v>6</v>
      </c>
      <c r="L60" s="21">
        <v>4</v>
      </c>
      <c r="M60" s="31">
        <v>1</v>
      </c>
      <c r="N60" s="23">
        <v>1</v>
      </c>
    </row>
    <row r="61" spans="2:14" x14ac:dyDescent="0.2">
      <c r="B61" s="34"/>
      <c r="C61" s="8"/>
      <c r="D61" s="16">
        <v>100</v>
      </c>
      <c r="E61" s="17">
        <v>53.1</v>
      </c>
      <c r="F61" s="18">
        <v>46.9</v>
      </c>
      <c r="G61" s="19" t="s">
        <v>82</v>
      </c>
      <c r="I61" s="34"/>
      <c r="J61" s="8"/>
      <c r="K61" s="16">
        <v>100</v>
      </c>
      <c r="L61" s="17">
        <v>66.7</v>
      </c>
      <c r="M61" s="30">
        <v>16.7</v>
      </c>
      <c r="N61" s="19">
        <v>16.7</v>
      </c>
    </row>
    <row r="62" spans="2:14" ht="13.5" customHeight="1" x14ac:dyDescent="0.2">
      <c r="B62" s="34"/>
      <c r="C62" s="7" t="s">
        <v>63</v>
      </c>
      <c r="D62" s="20">
        <v>92</v>
      </c>
      <c r="E62" s="21">
        <v>52</v>
      </c>
      <c r="F62" s="22">
        <v>39</v>
      </c>
      <c r="G62" s="23">
        <v>1</v>
      </c>
      <c r="I62" s="34"/>
      <c r="J62" s="7" t="s">
        <v>5</v>
      </c>
      <c r="K62" s="20">
        <v>113</v>
      </c>
      <c r="L62" s="21">
        <v>78</v>
      </c>
      <c r="M62" s="31">
        <v>24</v>
      </c>
      <c r="N62" s="23">
        <v>11</v>
      </c>
    </row>
    <row r="63" spans="2:14" x14ac:dyDescent="0.2">
      <c r="B63" s="34"/>
      <c r="C63" s="8"/>
      <c r="D63" s="16">
        <v>100</v>
      </c>
      <c r="E63" s="17">
        <v>56.5</v>
      </c>
      <c r="F63" s="18">
        <v>42.4</v>
      </c>
      <c r="G63" s="19">
        <v>1.1000000000000001</v>
      </c>
      <c r="I63" s="35"/>
      <c r="J63" s="10"/>
      <c r="K63" s="24">
        <v>100</v>
      </c>
      <c r="L63" s="25">
        <v>69</v>
      </c>
      <c r="M63" s="32">
        <v>21.2</v>
      </c>
      <c r="N63" s="27">
        <v>9.6999999999999993</v>
      </c>
    </row>
    <row r="64" spans="2:14" x14ac:dyDescent="0.2">
      <c r="B64" s="34"/>
      <c r="C64" s="7" t="s">
        <v>64</v>
      </c>
      <c r="D64" s="20">
        <v>118</v>
      </c>
      <c r="E64" s="21">
        <v>78</v>
      </c>
      <c r="F64" s="22">
        <v>37</v>
      </c>
      <c r="G64" s="23">
        <v>3</v>
      </c>
      <c r="I64" s="33" t="s">
        <v>46</v>
      </c>
      <c r="J64" s="9" t="s">
        <v>4</v>
      </c>
      <c r="K64" s="12">
        <v>762</v>
      </c>
      <c r="L64" s="13">
        <v>475</v>
      </c>
      <c r="M64" s="29">
        <v>274</v>
      </c>
      <c r="N64" s="15">
        <v>13</v>
      </c>
    </row>
    <row r="65" spans="2:14" x14ac:dyDescent="0.2">
      <c r="B65" s="34"/>
      <c r="C65" s="8"/>
      <c r="D65" s="16">
        <v>100</v>
      </c>
      <c r="E65" s="17">
        <v>66.099999999999994</v>
      </c>
      <c r="F65" s="18">
        <v>31.4</v>
      </c>
      <c r="G65" s="19">
        <v>2.5</v>
      </c>
      <c r="I65" s="34"/>
      <c r="J65" s="8"/>
      <c r="K65" s="16">
        <v>100</v>
      </c>
      <c r="L65" s="17">
        <v>62.3</v>
      </c>
      <c r="M65" s="30">
        <v>36</v>
      </c>
      <c r="N65" s="19">
        <v>1.7</v>
      </c>
    </row>
    <row r="66" spans="2:14" x14ac:dyDescent="0.2">
      <c r="B66" s="34"/>
      <c r="C66" s="7" t="s">
        <v>65</v>
      </c>
      <c r="D66" s="20">
        <v>116</v>
      </c>
      <c r="E66" s="21">
        <v>69</v>
      </c>
      <c r="F66" s="22">
        <v>42</v>
      </c>
      <c r="G66" s="23">
        <v>5</v>
      </c>
      <c r="I66" s="34"/>
      <c r="J66" s="7" t="s">
        <v>23</v>
      </c>
      <c r="K66" s="20">
        <v>5</v>
      </c>
      <c r="L66" s="21">
        <v>5</v>
      </c>
      <c r="M66" s="31" t="s">
        <v>82</v>
      </c>
      <c r="N66" s="23" t="s">
        <v>82</v>
      </c>
    </row>
    <row r="67" spans="2:14" x14ac:dyDescent="0.2">
      <c r="B67" s="34"/>
      <c r="C67" s="8"/>
      <c r="D67" s="16">
        <v>100</v>
      </c>
      <c r="E67" s="17">
        <v>59.5</v>
      </c>
      <c r="F67" s="18">
        <v>36.200000000000003</v>
      </c>
      <c r="G67" s="19">
        <v>4.3</v>
      </c>
      <c r="I67" s="34"/>
      <c r="J67" s="8"/>
      <c r="K67" s="16">
        <v>100</v>
      </c>
      <c r="L67" s="17">
        <v>100</v>
      </c>
      <c r="M67" s="30" t="s">
        <v>82</v>
      </c>
      <c r="N67" s="19" t="s">
        <v>82</v>
      </c>
    </row>
    <row r="68" spans="2:14" x14ac:dyDescent="0.2">
      <c r="B68" s="34"/>
      <c r="C68" s="7" t="s">
        <v>66</v>
      </c>
      <c r="D68" s="20">
        <v>55</v>
      </c>
      <c r="E68" s="21">
        <v>42</v>
      </c>
      <c r="F68" s="22">
        <v>11</v>
      </c>
      <c r="G68" s="23">
        <v>2</v>
      </c>
      <c r="I68" s="34"/>
      <c r="J68" s="7" t="s">
        <v>22</v>
      </c>
      <c r="K68" s="20">
        <v>40</v>
      </c>
      <c r="L68" s="21">
        <v>25</v>
      </c>
      <c r="M68" s="31">
        <v>13</v>
      </c>
      <c r="N68" s="23">
        <v>2</v>
      </c>
    </row>
    <row r="69" spans="2:14" x14ac:dyDescent="0.2">
      <c r="B69" s="34"/>
      <c r="C69" s="8"/>
      <c r="D69" s="16">
        <v>100</v>
      </c>
      <c r="E69" s="17">
        <v>76.400000000000006</v>
      </c>
      <c r="F69" s="18">
        <v>20</v>
      </c>
      <c r="G69" s="19">
        <v>3.6</v>
      </c>
      <c r="I69" s="34"/>
      <c r="J69" s="8"/>
      <c r="K69" s="16">
        <v>100</v>
      </c>
      <c r="L69" s="17">
        <v>62.5</v>
      </c>
      <c r="M69" s="30">
        <v>32.5</v>
      </c>
      <c r="N69" s="19">
        <v>5</v>
      </c>
    </row>
    <row r="70" spans="2:14" x14ac:dyDescent="0.2">
      <c r="B70" s="34"/>
      <c r="C70" s="7" t="s">
        <v>67</v>
      </c>
      <c r="D70" s="20">
        <v>60</v>
      </c>
      <c r="E70" s="21">
        <v>49</v>
      </c>
      <c r="F70" s="22">
        <v>10</v>
      </c>
      <c r="G70" s="23">
        <v>1</v>
      </c>
      <c r="I70" s="34"/>
      <c r="J70" s="7" t="s">
        <v>21</v>
      </c>
      <c r="K70" s="20">
        <v>36</v>
      </c>
      <c r="L70" s="21">
        <v>24</v>
      </c>
      <c r="M70" s="31">
        <v>11</v>
      </c>
      <c r="N70" s="23">
        <v>1</v>
      </c>
    </row>
    <row r="71" spans="2:14" x14ac:dyDescent="0.2">
      <c r="B71" s="34"/>
      <c r="C71" s="8"/>
      <c r="D71" s="16">
        <v>100</v>
      </c>
      <c r="E71" s="17">
        <v>81.7</v>
      </c>
      <c r="F71" s="18">
        <v>16.7</v>
      </c>
      <c r="G71" s="19">
        <v>1.7</v>
      </c>
      <c r="I71" s="34"/>
      <c r="J71" s="8"/>
      <c r="K71" s="16">
        <v>100</v>
      </c>
      <c r="L71" s="17">
        <v>66.7</v>
      </c>
      <c r="M71" s="30">
        <v>30.6</v>
      </c>
      <c r="N71" s="19">
        <v>2.8</v>
      </c>
    </row>
    <row r="72" spans="2:14" x14ac:dyDescent="0.2">
      <c r="B72" s="34"/>
      <c r="C72" s="7" t="s">
        <v>68</v>
      </c>
      <c r="D72" s="20" t="s">
        <v>82</v>
      </c>
      <c r="E72" s="21" t="s">
        <v>82</v>
      </c>
      <c r="F72" s="22" t="s">
        <v>82</v>
      </c>
      <c r="G72" s="23" t="s">
        <v>82</v>
      </c>
      <c r="I72" s="34"/>
      <c r="J72" s="7" t="s">
        <v>20</v>
      </c>
      <c r="K72" s="20">
        <v>54</v>
      </c>
      <c r="L72" s="21">
        <v>36</v>
      </c>
      <c r="M72" s="31">
        <v>17</v>
      </c>
      <c r="N72" s="23">
        <v>1</v>
      </c>
    </row>
    <row r="73" spans="2:14" x14ac:dyDescent="0.2">
      <c r="B73" s="34"/>
      <c r="C73" s="8"/>
      <c r="D73" s="16" t="s">
        <v>82</v>
      </c>
      <c r="E73" s="17" t="s">
        <v>82</v>
      </c>
      <c r="F73" s="18" t="s">
        <v>82</v>
      </c>
      <c r="G73" s="19" t="s">
        <v>82</v>
      </c>
      <c r="I73" s="34"/>
      <c r="J73" s="8"/>
      <c r="K73" s="16">
        <v>100</v>
      </c>
      <c r="L73" s="17">
        <v>66.7</v>
      </c>
      <c r="M73" s="30">
        <v>31.5</v>
      </c>
      <c r="N73" s="19">
        <v>1.9</v>
      </c>
    </row>
    <row r="74" spans="2:14" x14ac:dyDescent="0.2">
      <c r="B74" s="34"/>
      <c r="C74" s="7" t="s">
        <v>69</v>
      </c>
      <c r="D74" s="20">
        <v>31</v>
      </c>
      <c r="E74" s="21">
        <v>19</v>
      </c>
      <c r="F74" s="22">
        <v>12</v>
      </c>
      <c r="G74" s="23" t="s">
        <v>82</v>
      </c>
      <c r="I74" s="34"/>
      <c r="J74" s="7" t="s">
        <v>19</v>
      </c>
      <c r="K74" s="20">
        <v>178</v>
      </c>
      <c r="L74" s="21">
        <v>105</v>
      </c>
      <c r="M74" s="31">
        <v>71</v>
      </c>
      <c r="N74" s="23">
        <v>2</v>
      </c>
    </row>
    <row r="75" spans="2:14" x14ac:dyDescent="0.2">
      <c r="B75" s="34"/>
      <c r="C75" s="8"/>
      <c r="D75" s="16">
        <v>100</v>
      </c>
      <c r="E75" s="17">
        <v>61.3</v>
      </c>
      <c r="F75" s="18">
        <v>38.700000000000003</v>
      </c>
      <c r="G75" s="19" t="s">
        <v>82</v>
      </c>
      <c r="I75" s="34"/>
      <c r="J75" s="8"/>
      <c r="K75" s="16">
        <v>100</v>
      </c>
      <c r="L75" s="17">
        <v>59</v>
      </c>
      <c r="M75" s="30">
        <v>39.9</v>
      </c>
      <c r="N75" s="19">
        <v>1.1000000000000001</v>
      </c>
    </row>
    <row r="76" spans="2:14" x14ac:dyDescent="0.2">
      <c r="B76" s="34"/>
      <c r="C76" s="7" t="s">
        <v>80</v>
      </c>
      <c r="D76" s="20">
        <v>31</v>
      </c>
      <c r="E76" s="21">
        <v>19</v>
      </c>
      <c r="F76" s="22">
        <v>12</v>
      </c>
      <c r="G76" s="23" t="s">
        <v>82</v>
      </c>
      <c r="I76" s="34"/>
      <c r="J76" s="7" t="s">
        <v>18</v>
      </c>
      <c r="K76" s="20">
        <v>171</v>
      </c>
      <c r="L76" s="21">
        <v>100</v>
      </c>
      <c r="M76" s="31">
        <v>68</v>
      </c>
      <c r="N76" s="23">
        <v>3</v>
      </c>
    </row>
    <row r="77" spans="2:14" x14ac:dyDescent="0.2">
      <c r="B77" s="34"/>
      <c r="C77" s="8"/>
      <c r="D77" s="16">
        <v>100</v>
      </c>
      <c r="E77" s="17">
        <v>61.3</v>
      </c>
      <c r="F77" s="18">
        <v>38.700000000000003</v>
      </c>
      <c r="G77" s="19" t="s">
        <v>82</v>
      </c>
      <c r="I77" s="34"/>
      <c r="J77" s="8"/>
      <c r="K77" s="16">
        <v>100</v>
      </c>
      <c r="L77" s="17">
        <v>58.5</v>
      </c>
      <c r="M77" s="30">
        <v>39.799999999999997</v>
      </c>
      <c r="N77" s="19">
        <v>1.8</v>
      </c>
    </row>
    <row r="78" spans="2:14" x14ac:dyDescent="0.2">
      <c r="B78" s="34"/>
      <c r="C78" s="7" t="s">
        <v>70</v>
      </c>
      <c r="D78" s="20">
        <v>76</v>
      </c>
      <c r="E78" s="21">
        <v>42</v>
      </c>
      <c r="F78" s="22">
        <v>34</v>
      </c>
      <c r="G78" s="23" t="s">
        <v>82</v>
      </c>
      <c r="I78" s="34"/>
      <c r="J78" s="7" t="s">
        <v>17</v>
      </c>
      <c r="K78" s="20">
        <v>56</v>
      </c>
      <c r="L78" s="21">
        <v>41</v>
      </c>
      <c r="M78" s="31">
        <v>15</v>
      </c>
      <c r="N78" s="23" t="s">
        <v>82</v>
      </c>
    </row>
    <row r="79" spans="2:14" x14ac:dyDescent="0.2">
      <c r="B79" s="34"/>
      <c r="C79" s="8"/>
      <c r="D79" s="16">
        <v>100</v>
      </c>
      <c r="E79" s="17">
        <v>55.3</v>
      </c>
      <c r="F79" s="18">
        <v>44.7</v>
      </c>
      <c r="G79" s="19" t="s">
        <v>82</v>
      </c>
      <c r="I79" s="34"/>
      <c r="J79" s="8"/>
      <c r="K79" s="16">
        <v>100</v>
      </c>
      <c r="L79" s="17">
        <v>73.2</v>
      </c>
      <c r="M79" s="30">
        <v>26.8</v>
      </c>
      <c r="N79" s="19" t="s">
        <v>82</v>
      </c>
    </row>
    <row r="80" spans="2:14" x14ac:dyDescent="0.2">
      <c r="B80" s="34"/>
      <c r="C80" s="7" t="s">
        <v>71</v>
      </c>
      <c r="D80" s="20">
        <v>123</v>
      </c>
      <c r="E80" s="21">
        <v>81</v>
      </c>
      <c r="F80" s="22">
        <v>41</v>
      </c>
      <c r="G80" s="23">
        <v>1</v>
      </c>
      <c r="I80" s="34"/>
      <c r="J80" s="7" t="s">
        <v>16</v>
      </c>
      <c r="K80" s="20">
        <v>66</v>
      </c>
      <c r="L80" s="21">
        <v>35</v>
      </c>
      <c r="M80" s="31">
        <v>31</v>
      </c>
      <c r="N80" s="23" t="s">
        <v>82</v>
      </c>
    </row>
    <row r="81" spans="2:14" x14ac:dyDescent="0.2">
      <c r="B81" s="34"/>
      <c r="C81" s="8"/>
      <c r="D81" s="16">
        <v>100</v>
      </c>
      <c r="E81" s="17">
        <v>65.900000000000006</v>
      </c>
      <c r="F81" s="18">
        <v>33.299999999999997</v>
      </c>
      <c r="G81" s="19">
        <v>0.8</v>
      </c>
      <c r="I81" s="34"/>
      <c r="J81" s="8"/>
      <c r="K81" s="16">
        <v>100</v>
      </c>
      <c r="L81" s="17">
        <v>53</v>
      </c>
      <c r="M81" s="30">
        <v>47</v>
      </c>
      <c r="N81" s="19" t="s">
        <v>82</v>
      </c>
    </row>
    <row r="82" spans="2:14" x14ac:dyDescent="0.2">
      <c r="B82" s="34"/>
      <c r="C82" s="7" t="s">
        <v>72</v>
      </c>
      <c r="D82" s="20">
        <v>173</v>
      </c>
      <c r="E82" s="21">
        <v>117</v>
      </c>
      <c r="F82" s="22">
        <v>55</v>
      </c>
      <c r="G82" s="23">
        <v>1</v>
      </c>
      <c r="I82" s="34"/>
      <c r="J82" s="7" t="s">
        <v>15</v>
      </c>
      <c r="K82" s="20">
        <v>127</v>
      </c>
      <c r="L82" s="21">
        <v>84</v>
      </c>
      <c r="M82" s="31">
        <v>43</v>
      </c>
      <c r="N82" s="23" t="s">
        <v>82</v>
      </c>
    </row>
    <row r="83" spans="2:14" x14ac:dyDescent="0.2">
      <c r="B83" s="34"/>
      <c r="C83" s="8"/>
      <c r="D83" s="16">
        <v>100</v>
      </c>
      <c r="E83" s="17">
        <v>67.599999999999994</v>
      </c>
      <c r="F83" s="18">
        <v>31.8</v>
      </c>
      <c r="G83" s="19">
        <v>0.6</v>
      </c>
      <c r="I83" s="34"/>
      <c r="J83" s="8"/>
      <c r="K83" s="16">
        <v>100</v>
      </c>
      <c r="L83" s="17">
        <v>66.099999999999994</v>
      </c>
      <c r="M83" s="30">
        <v>33.9</v>
      </c>
      <c r="N83" s="19" t="s">
        <v>82</v>
      </c>
    </row>
    <row r="84" spans="2:14" x14ac:dyDescent="0.2">
      <c r="B84" s="34"/>
      <c r="C84" s="7" t="s">
        <v>73</v>
      </c>
      <c r="D84" s="20">
        <v>108</v>
      </c>
      <c r="E84" s="21">
        <v>77</v>
      </c>
      <c r="F84" s="22">
        <v>28</v>
      </c>
      <c r="G84" s="23">
        <v>3</v>
      </c>
      <c r="I84" s="34"/>
      <c r="J84" s="7" t="s">
        <v>5</v>
      </c>
      <c r="K84" s="20">
        <v>29</v>
      </c>
      <c r="L84" s="21">
        <v>20</v>
      </c>
      <c r="M84" s="31">
        <v>5</v>
      </c>
      <c r="N84" s="23">
        <v>4</v>
      </c>
    </row>
    <row r="85" spans="2:14" x14ac:dyDescent="0.2">
      <c r="B85" s="34"/>
      <c r="C85" s="8"/>
      <c r="D85" s="16">
        <v>100</v>
      </c>
      <c r="E85" s="17">
        <v>71.3</v>
      </c>
      <c r="F85" s="18">
        <v>25.9</v>
      </c>
      <c r="G85" s="19">
        <v>2.8</v>
      </c>
      <c r="I85" s="35"/>
      <c r="J85" s="10"/>
      <c r="K85" s="24">
        <v>100</v>
      </c>
      <c r="L85" s="25">
        <v>69</v>
      </c>
      <c r="M85" s="32">
        <v>17.2</v>
      </c>
      <c r="N85" s="27">
        <v>13.8</v>
      </c>
    </row>
    <row r="86" spans="2:14" x14ac:dyDescent="0.2">
      <c r="B86" s="34"/>
      <c r="C86" s="7" t="s">
        <v>74</v>
      </c>
      <c r="D86" s="20">
        <v>61</v>
      </c>
      <c r="E86" s="21">
        <v>52</v>
      </c>
      <c r="F86" s="22">
        <v>6</v>
      </c>
      <c r="G86" s="23">
        <v>3</v>
      </c>
    </row>
    <row r="87" spans="2:14" x14ac:dyDescent="0.2">
      <c r="B87" s="34"/>
      <c r="C87" s="8"/>
      <c r="D87" s="16">
        <v>100</v>
      </c>
      <c r="E87" s="17">
        <v>85.2</v>
      </c>
      <c r="F87" s="18">
        <v>9.8000000000000007</v>
      </c>
      <c r="G87" s="19">
        <v>4.9000000000000004</v>
      </c>
    </row>
    <row r="88" spans="2:14" x14ac:dyDescent="0.2">
      <c r="B88" s="34"/>
      <c r="C88" s="7" t="s">
        <v>75</v>
      </c>
      <c r="D88" s="20">
        <v>72</v>
      </c>
      <c r="E88" s="21">
        <v>55</v>
      </c>
      <c r="F88" s="22">
        <v>11</v>
      </c>
      <c r="G88" s="23">
        <v>6</v>
      </c>
    </row>
    <row r="89" spans="2:14" x14ac:dyDescent="0.2">
      <c r="B89" s="34"/>
      <c r="C89" s="8"/>
      <c r="D89" s="16">
        <v>100</v>
      </c>
      <c r="E89" s="17">
        <v>76.400000000000006</v>
      </c>
      <c r="F89" s="18">
        <v>15.3</v>
      </c>
      <c r="G89" s="19">
        <v>8.3000000000000007</v>
      </c>
    </row>
    <row r="90" spans="2:14" x14ac:dyDescent="0.2">
      <c r="B90" s="34"/>
      <c r="C90" s="7" t="s">
        <v>5</v>
      </c>
      <c r="D90" s="20">
        <v>102</v>
      </c>
      <c r="E90" s="21">
        <v>67</v>
      </c>
      <c r="F90" s="22">
        <v>26</v>
      </c>
      <c r="G90" s="23">
        <v>9</v>
      </c>
    </row>
    <row r="91" spans="2:14" x14ac:dyDescent="0.2">
      <c r="B91" s="35"/>
      <c r="C91" s="10"/>
      <c r="D91" s="24">
        <v>100</v>
      </c>
      <c r="E91" s="25">
        <v>65.7</v>
      </c>
      <c r="F91" s="26">
        <v>25.5</v>
      </c>
      <c r="G91" s="27">
        <v>8.8000000000000007</v>
      </c>
    </row>
    <row r="122" ht="13.5" customHeight="1" x14ac:dyDescent="0.2"/>
  </sheetData>
  <mergeCells count="8">
    <mergeCell ref="B4:B21"/>
    <mergeCell ref="I4:I27"/>
    <mergeCell ref="B22:B29"/>
    <mergeCell ref="I28:I41"/>
    <mergeCell ref="B30:B51"/>
    <mergeCell ref="I42:I63"/>
    <mergeCell ref="B52:B91"/>
    <mergeCell ref="I64:I85"/>
  </mergeCells>
  <phoneticPr fontId="2"/>
  <pageMargins left="0.7" right="0.7" top="0.75" bottom="0.75" header="0.3" footer="0.3"/>
  <pageSetup paperSize="9" scale="46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【地域社会との関わり】Q29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cp:lastPrinted>2022-11-13T16:43:04Z</cp:lastPrinted>
  <dcterms:created xsi:type="dcterms:W3CDTF">2019-01-11T01:48:12Z</dcterms:created>
  <dcterms:modified xsi:type="dcterms:W3CDTF">2024-12-03T08:03:59Z</dcterms:modified>
</cp:coreProperties>
</file>